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636"/>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6-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6-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dirty="0"/>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ergenopzoom/"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Graphics, grafische vormgeving&#10;&#10;Automatisch gegenereerde beschrijving">
            <a:extLst>
              <a:ext uri="{FF2B5EF4-FFF2-40B4-BE49-F238E27FC236}">
                <a16:creationId xmlns:a16="http://schemas.microsoft.com/office/drawing/2014/main" id="{6F5FCF98-79F2-B7B7-3A7D-6C300720D5B9}"/>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4490" y="4614097"/>
            <a:ext cx="2711311" cy="2049751"/>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Graphics, grafische vormgeving&#10;&#10;Automatisch gegenereerde beschrijving">
            <a:extLst>
              <a:ext uri="{FF2B5EF4-FFF2-40B4-BE49-F238E27FC236}">
                <a16:creationId xmlns:a16="http://schemas.microsoft.com/office/drawing/2014/main" id="{A81918F6-4A14-F63D-AD61-02D217E0CD8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28200" y="3847785"/>
            <a:ext cx="1934139" cy="146220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2</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Hellen ter Morsche</cp:lastModifiedBy>
  <cp:revision>4272</cp:revision>
  <dcterms:created xsi:type="dcterms:W3CDTF">2019-07-30T10:24:44Z</dcterms:created>
  <dcterms:modified xsi:type="dcterms:W3CDTF">2024-06-06T14:11:27Z</dcterms:modified>
</cp:coreProperties>
</file>